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86_2025 Vákuový regeneračný systém\02. Príprava\05. PTK\01. Odoslanie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O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" i="3" l="1"/>
  <c r="L7" i="3"/>
  <c r="M7" i="3" s="1"/>
  <c r="O7" i="3" s="1"/>
  <c r="O8" i="3" l="1"/>
  <c r="N8" i="3"/>
</calcChain>
</file>

<file path=xl/sharedStrings.xml><?xml version="1.0" encoding="utf-8"?>
<sst xmlns="http://schemas.openxmlformats.org/spreadsheetml/2006/main" count="61" uniqueCount="58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s DPH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Merná jednotka
(MJ)</t>
  </si>
  <si>
    <t>ks</t>
  </si>
  <si>
    <t xml:space="preserve">Jednotková cena v EUR </t>
  </si>
  <si>
    <t>SPOLU:</t>
  </si>
  <si>
    <t>Obchodné meno/Názov uchádzača:</t>
  </si>
  <si>
    <t>Sídlo/Miesto podnikania:</t>
  </si>
  <si>
    <t>Výška DPH</t>
  </si>
  <si>
    <t>Celková cena za požadované 
 množstvo MJ v EUR</t>
  </si>
  <si>
    <t xml:space="preserve">1. </t>
  </si>
  <si>
    <t>Vákuový regeneračný systém</t>
  </si>
  <si>
    <t xml:space="preserve">Požadované množstvo MJ  </t>
  </si>
  <si>
    <t>Obchodný názov ponúkaného produktu uchádzača</t>
  </si>
  <si>
    <t>Názov výrobcu ponúkaného produktu</t>
  </si>
  <si>
    <t>14.</t>
  </si>
  <si>
    <t>Termín dodania pre Položku č.1.</t>
  </si>
  <si>
    <t>kalendárnych dní</t>
  </si>
  <si>
    <t>Záručná doba pre Položku č.1.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 pre Položku č.1.</t>
  </si>
  <si>
    <t>zľava</t>
  </si>
  <si>
    <t>Dopĺňujúce informácie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00\ &quot;€&quot;"/>
    <numFmt numFmtId="166" formatCode="#,##0.0000\ &quot;EUR&quot;"/>
    <numFmt numFmtId="167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25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17" xfId="0" applyFont="1" applyBorder="1" applyAlignment="1" applyProtection="1">
      <alignment horizontal="left" vertical="center" wrapText="1"/>
      <protection locked="0"/>
    </xf>
    <xf numFmtId="164" fontId="2" fillId="0" borderId="1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19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5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9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2" xfId="0" applyFont="1" applyFill="1" applyBorder="1" applyAlignment="1" applyProtection="1">
      <alignment horizontal="center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22" xfId="0" applyNumberFormat="1" applyFont="1" applyFill="1" applyBorder="1" applyAlignment="1" applyProtection="1">
      <alignment horizontal="right" vertical="center"/>
      <protection locked="0"/>
    </xf>
    <xf numFmtId="164" fontId="2" fillId="4" borderId="21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16" xfId="0" applyFont="1" applyBorder="1" applyAlignment="1">
      <alignment horizontal="center" vertical="center" wrapText="1"/>
    </xf>
    <xf numFmtId="0" fontId="2" fillId="5" borderId="20" xfId="0" applyFont="1" applyFill="1" applyBorder="1" applyAlignment="1" applyProtection="1">
      <alignment horizontal="center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10" fontId="12" fillId="0" borderId="16" xfId="0" applyNumberFormat="1" applyFont="1" applyBorder="1" applyAlignment="1">
      <alignment horizontal="center" vertical="center" wrapText="1"/>
    </xf>
    <xf numFmtId="164" fontId="12" fillId="0" borderId="16" xfId="0" applyNumberFormat="1" applyFont="1" applyBorder="1" applyAlignment="1">
      <alignment horizontal="center" vertical="center" wrapText="1"/>
    </xf>
    <xf numFmtId="0" fontId="17" fillId="2" borderId="3" xfId="0" applyFont="1" applyFill="1" applyBorder="1" applyAlignment="1" applyProtection="1">
      <alignment horizontal="center" vertical="center" wrapText="1"/>
      <protection locked="0"/>
    </xf>
    <xf numFmtId="3" fontId="4" fillId="0" borderId="16" xfId="0" applyNumberFormat="1" applyFont="1" applyFill="1" applyBorder="1" applyAlignment="1">
      <alignment horizontal="center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2" fillId="0" borderId="26" xfId="0" applyFont="1" applyBorder="1" applyAlignment="1">
      <alignment horizontal="center" vertical="center" wrapText="1"/>
    </xf>
    <xf numFmtId="0" fontId="12" fillId="0" borderId="30" xfId="0" applyFont="1" applyBorder="1" applyAlignment="1">
      <alignment horizontal="center" vertical="center" wrapText="1"/>
    </xf>
    <xf numFmtId="0" fontId="12" fillId="0" borderId="31" xfId="0" applyFont="1" applyBorder="1" applyAlignment="1">
      <alignment horizontal="center" vertical="center" wrapText="1"/>
    </xf>
    <xf numFmtId="0" fontId="12" fillId="0" borderId="32" xfId="0" applyFont="1" applyBorder="1" applyAlignment="1">
      <alignment horizontal="center" vertical="center" wrapText="1"/>
    </xf>
    <xf numFmtId="0" fontId="12" fillId="0" borderId="36" xfId="0" applyFont="1" applyBorder="1" applyAlignment="1">
      <alignment horizontal="center" vertical="center" wrapText="1"/>
    </xf>
    <xf numFmtId="0" fontId="12" fillId="0" borderId="37" xfId="0" applyFont="1" applyBorder="1" applyAlignment="1">
      <alignment horizontal="center" vertical="center" wrapText="1"/>
    </xf>
    <xf numFmtId="167" fontId="12" fillId="0" borderId="36" xfId="0" applyNumberFormat="1" applyFont="1" applyBorder="1" applyAlignment="1">
      <alignment horizontal="center" vertical="center" wrapText="1"/>
    </xf>
    <xf numFmtId="0" fontId="12" fillId="0" borderId="38" xfId="0" applyFont="1" applyBorder="1" applyAlignment="1">
      <alignment horizontal="center" vertical="center" wrapText="1"/>
    </xf>
    <xf numFmtId="9" fontId="12" fillId="0" borderId="42" xfId="0" applyNumberFormat="1" applyFont="1" applyBorder="1" applyAlignment="1">
      <alignment horizontal="center" vertical="center" wrapText="1"/>
    </xf>
    <xf numFmtId="0" fontId="12" fillId="0" borderId="43" xfId="0" applyFont="1" applyBorder="1" applyAlignment="1">
      <alignment horizontal="center" vertical="center" wrapText="1"/>
    </xf>
    <xf numFmtId="49" fontId="18" fillId="0" borderId="44" xfId="0" applyNumberFormat="1" applyFont="1" applyBorder="1" applyAlignment="1" applyProtection="1">
      <alignment horizontal="left" vertical="center" wrapText="1"/>
      <protection locked="0"/>
    </xf>
    <xf numFmtId="0" fontId="12" fillId="0" borderId="33" xfId="0" applyFont="1" applyBorder="1" applyAlignment="1">
      <alignment horizontal="left" vertical="center" wrapText="1"/>
    </xf>
    <xf numFmtId="0" fontId="12" fillId="0" borderId="34" xfId="0" applyFont="1" applyBorder="1" applyAlignment="1">
      <alignment horizontal="left" vertical="center" wrapText="1"/>
    </xf>
    <xf numFmtId="0" fontId="12" fillId="0" borderId="35" xfId="0" applyFont="1" applyBorder="1" applyAlignment="1">
      <alignment horizontal="left" vertical="center" wrapText="1"/>
    </xf>
    <xf numFmtId="0" fontId="4" fillId="0" borderId="39" xfId="0" applyFont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 wrapText="1"/>
    </xf>
    <xf numFmtId="0" fontId="4" fillId="0" borderId="41" xfId="0" applyFont="1" applyBorder="1" applyAlignment="1">
      <alignment horizontal="left" vertical="center" wrapText="1"/>
    </xf>
    <xf numFmtId="0" fontId="12" fillId="0" borderId="27" xfId="0" applyFont="1" applyBorder="1" applyAlignment="1">
      <alignment horizontal="left" vertical="center" wrapText="1"/>
    </xf>
    <xf numFmtId="0" fontId="12" fillId="0" borderId="28" xfId="0" applyFont="1" applyBorder="1" applyAlignment="1">
      <alignment horizontal="left" vertical="center" wrapText="1"/>
    </xf>
    <xf numFmtId="0" fontId="12" fillId="0" borderId="29" xfId="0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49" fontId="16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8" xfId="0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3" fontId="3" fillId="5" borderId="25" xfId="0" applyNumberFormat="1" applyFont="1" applyFill="1" applyBorder="1" applyAlignment="1" applyProtection="1">
      <alignment horizontal="center" vertical="top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X32"/>
  <sheetViews>
    <sheetView showGridLines="0" tabSelected="1" zoomScale="80" zoomScaleNormal="80" workbookViewId="0">
      <selection activeCell="B7" sqref="B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2.7109375" style="7" customWidth="1"/>
    <col min="4" max="6" width="12.7109375" style="8" customWidth="1"/>
    <col min="7" max="11" width="12.7109375" style="6" customWidth="1"/>
    <col min="12" max="13" width="12.7109375" style="9" customWidth="1"/>
    <col min="14" max="15" width="12.7109375" style="5" customWidth="1"/>
    <col min="16" max="16" width="14.7109375" style="5" customWidth="1"/>
    <col min="17" max="16384" width="9.140625" style="5"/>
  </cols>
  <sheetData>
    <row r="1" spans="1:24" s="37" customFormat="1" ht="20.100000000000001" customHeight="1" x14ac:dyDescent="0.2">
      <c r="A1" s="111" t="s">
        <v>22</v>
      </c>
      <c r="B1" s="111"/>
      <c r="C1" s="111"/>
      <c r="D1" s="111"/>
      <c r="E1" s="111"/>
      <c r="F1" s="111"/>
      <c r="G1" s="111"/>
      <c r="H1" s="111"/>
      <c r="I1" s="111"/>
      <c r="J1" s="111"/>
      <c r="K1" s="111"/>
      <c r="L1" s="111"/>
      <c r="M1" s="111"/>
      <c r="N1" s="111"/>
      <c r="O1" s="111"/>
      <c r="P1" s="5"/>
      <c r="Q1" s="5"/>
      <c r="R1" s="5"/>
      <c r="S1" s="5"/>
      <c r="T1" s="5"/>
      <c r="U1" s="5"/>
      <c r="V1" s="5"/>
      <c r="W1" s="5"/>
      <c r="X1" s="36"/>
    </row>
    <row r="2" spans="1:24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  <c r="N2" s="16"/>
    </row>
    <row r="3" spans="1:24" ht="30.75" customHeight="1" x14ac:dyDescent="0.2">
      <c r="A3" s="112" t="s">
        <v>44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</row>
    <row r="4" spans="1:24" s="41" customFormat="1" ht="40.5" customHeight="1" x14ac:dyDescent="0.25">
      <c r="A4" s="113" t="s">
        <v>23</v>
      </c>
      <c r="B4" s="115" t="s">
        <v>24</v>
      </c>
      <c r="C4" s="113" t="s">
        <v>35</v>
      </c>
      <c r="D4" s="119" t="s">
        <v>45</v>
      </c>
      <c r="E4" s="119" t="s">
        <v>46</v>
      </c>
      <c r="F4" s="122" t="s">
        <v>47</v>
      </c>
      <c r="G4" s="122" t="s">
        <v>27</v>
      </c>
      <c r="H4" s="122" t="s">
        <v>28</v>
      </c>
      <c r="I4" s="60" t="s">
        <v>29</v>
      </c>
      <c r="J4" s="121" t="s">
        <v>37</v>
      </c>
      <c r="K4" s="117"/>
      <c r="L4" s="117"/>
      <c r="M4" s="118"/>
      <c r="N4" s="117" t="s">
        <v>42</v>
      </c>
      <c r="O4" s="118"/>
      <c r="Q4" s="45"/>
      <c r="R4" s="45"/>
    </row>
    <row r="5" spans="1:24" s="41" customFormat="1" ht="33" customHeight="1" x14ac:dyDescent="0.25">
      <c r="A5" s="114"/>
      <c r="B5" s="116"/>
      <c r="C5" s="114"/>
      <c r="D5" s="120"/>
      <c r="E5" s="124"/>
      <c r="F5" s="123"/>
      <c r="G5" s="123"/>
      <c r="H5" s="123"/>
      <c r="I5" s="61"/>
      <c r="J5" s="62" t="s">
        <v>25</v>
      </c>
      <c r="K5" s="63" t="s">
        <v>30</v>
      </c>
      <c r="L5" s="74" t="s">
        <v>41</v>
      </c>
      <c r="M5" s="64" t="s">
        <v>26</v>
      </c>
      <c r="N5" s="65" t="s">
        <v>25</v>
      </c>
      <c r="O5" s="66" t="s">
        <v>26</v>
      </c>
      <c r="Q5" s="45"/>
      <c r="R5" s="45"/>
    </row>
    <row r="6" spans="1:24" s="42" customFormat="1" ht="14.1" customHeight="1" x14ac:dyDescent="0.25">
      <c r="A6" s="80" t="s">
        <v>0</v>
      </c>
      <c r="B6" s="80" t="s">
        <v>10</v>
      </c>
      <c r="C6" s="80" t="s">
        <v>11</v>
      </c>
      <c r="D6" s="80" t="s">
        <v>12</v>
      </c>
      <c r="E6" s="80" t="s">
        <v>13</v>
      </c>
      <c r="F6" s="80" t="s">
        <v>14</v>
      </c>
      <c r="G6" s="80" t="s">
        <v>15</v>
      </c>
      <c r="H6" s="80" t="s">
        <v>16</v>
      </c>
      <c r="I6" s="80" t="s">
        <v>17</v>
      </c>
      <c r="J6" s="80" t="s">
        <v>31</v>
      </c>
      <c r="K6" s="80" t="s">
        <v>32</v>
      </c>
      <c r="L6" s="80"/>
      <c r="M6" s="80" t="s">
        <v>33</v>
      </c>
      <c r="N6" s="80" t="s">
        <v>34</v>
      </c>
      <c r="O6" s="80" t="s">
        <v>48</v>
      </c>
      <c r="Q6" s="46"/>
      <c r="R6" s="46"/>
    </row>
    <row r="7" spans="1:24" s="43" customFormat="1" ht="39.75" customHeight="1" thickBot="1" x14ac:dyDescent="0.3">
      <c r="A7" s="47" t="s">
        <v>43</v>
      </c>
      <c r="B7" s="48" t="s">
        <v>44</v>
      </c>
      <c r="C7" s="47" t="s">
        <v>36</v>
      </c>
      <c r="D7" s="81">
        <v>1</v>
      </c>
      <c r="E7" s="73"/>
      <c r="F7" s="73"/>
      <c r="G7" s="73"/>
      <c r="H7" s="73"/>
      <c r="I7" s="73"/>
      <c r="J7" s="79"/>
      <c r="K7" s="78"/>
      <c r="L7" s="76">
        <f>J7*K7</f>
        <v>0</v>
      </c>
      <c r="M7" s="75">
        <f>J7+L7</f>
        <v>0</v>
      </c>
      <c r="N7" s="49">
        <f t="shared" ref="N7" si="0">D7*J7</f>
        <v>0</v>
      </c>
      <c r="O7" s="50">
        <f>D7*M7</f>
        <v>0</v>
      </c>
      <c r="Q7" s="46"/>
      <c r="R7" s="46"/>
    </row>
    <row r="8" spans="1:24" s="44" customFormat="1" ht="33" customHeight="1" thickBot="1" x14ac:dyDescent="0.3">
      <c r="A8" s="51"/>
      <c r="B8" s="52"/>
      <c r="C8" s="52"/>
      <c r="D8" s="52"/>
      <c r="E8" s="52"/>
      <c r="F8" s="53"/>
      <c r="G8" s="53"/>
      <c r="H8" s="53"/>
      <c r="I8" s="53"/>
      <c r="J8" s="52"/>
      <c r="K8" s="52"/>
      <c r="L8" s="72" t="s">
        <v>38</v>
      </c>
      <c r="M8" s="72"/>
      <c r="N8" s="68">
        <f>SUM(N7:N7)</f>
        <v>0</v>
      </c>
      <c r="O8" s="69">
        <f>SUM(O7:O7)</f>
        <v>0</v>
      </c>
      <c r="Q8" s="54"/>
      <c r="R8" s="54"/>
    </row>
    <row r="9" spans="1:24" s="38" customFormat="1" ht="30" customHeight="1" thickBot="1" x14ac:dyDescent="0.3">
      <c r="A9" s="94" t="s">
        <v>57</v>
      </c>
      <c r="B9" s="94"/>
      <c r="C9" s="94"/>
      <c r="D9" s="94"/>
      <c r="E9" s="94"/>
      <c r="F9" s="55"/>
      <c r="G9" s="55"/>
      <c r="H9" s="55"/>
      <c r="I9" s="57"/>
      <c r="J9" s="58"/>
      <c r="K9" s="57"/>
      <c r="L9" s="70"/>
      <c r="M9" s="77"/>
      <c r="N9" s="67"/>
      <c r="O9" s="67"/>
      <c r="P9" s="46"/>
      <c r="Q9" s="46"/>
      <c r="R9" s="46"/>
    </row>
    <row r="10" spans="1:24" s="38" customFormat="1" ht="30" customHeight="1" x14ac:dyDescent="0.25">
      <c r="A10" s="84">
        <v>1</v>
      </c>
      <c r="B10" s="101" t="s">
        <v>49</v>
      </c>
      <c r="C10" s="102"/>
      <c r="D10" s="102"/>
      <c r="E10" s="103"/>
      <c r="F10" s="85"/>
      <c r="G10" s="86" t="s">
        <v>50</v>
      </c>
      <c r="H10" s="55"/>
      <c r="I10" s="57"/>
      <c r="J10" s="58"/>
      <c r="K10" s="57"/>
      <c r="L10" s="70"/>
      <c r="M10" s="77"/>
      <c r="N10" s="67"/>
      <c r="O10" s="67"/>
      <c r="P10" s="46"/>
      <c r="Q10" s="46"/>
      <c r="R10" s="46"/>
    </row>
    <row r="11" spans="1:24" s="38" customFormat="1" ht="30" customHeight="1" x14ac:dyDescent="0.25">
      <c r="A11" s="87">
        <v>2</v>
      </c>
      <c r="B11" s="95" t="s">
        <v>51</v>
      </c>
      <c r="C11" s="96"/>
      <c r="D11" s="96"/>
      <c r="E11" s="97"/>
      <c r="F11" s="88"/>
      <c r="G11" s="89" t="s">
        <v>52</v>
      </c>
      <c r="H11" s="55"/>
      <c r="I11" s="57"/>
      <c r="J11" s="58"/>
      <c r="K11" s="57"/>
      <c r="L11" s="70"/>
      <c r="M11" s="77"/>
      <c r="N11" s="67"/>
      <c r="O11" s="67"/>
      <c r="P11" s="46"/>
      <c r="Q11" s="46"/>
      <c r="R11" s="46"/>
    </row>
    <row r="12" spans="1:24" s="38" customFormat="1" ht="30" customHeight="1" x14ac:dyDescent="0.25">
      <c r="A12" s="87">
        <v>3</v>
      </c>
      <c r="B12" s="95" t="s">
        <v>53</v>
      </c>
      <c r="C12" s="96"/>
      <c r="D12" s="96"/>
      <c r="E12" s="97"/>
      <c r="F12" s="90"/>
      <c r="G12" s="89" t="s">
        <v>54</v>
      </c>
      <c r="H12" s="55"/>
      <c r="I12" s="57"/>
      <c r="J12" s="58"/>
      <c r="K12" s="57"/>
      <c r="L12" s="70"/>
      <c r="M12" s="77"/>
      <c r="N12" s="67"/>
      <c r="O12" s="67"/>
      <c r="P12" s="46"/>
      <c r="Q12" s="46"/>
      <c r="R12" s="46"/>
    </row>
    <row r="13" spans="1:24" s="38" customFormat="1" ht="64.5" customHeight="1" thickBot="1" x14ac:dyDescent="0.3">
      <c r="A13" s="91">
        <v>4</v>
      </c>
      <c r="B13" s="98" t="s">
        <v>55</v>
      </c>
      <c r="C13" s="99"/>
      <c r="D13" s="99"/>
      <c r="E13" s="100"/>
      <c r="F13" s="92"/>
      <c r="G13" s="93" t="s">
        <v>56</v>
      </c>
      <c r="H13" s="55"/>
      <c r="I13" s="57"/>
      <c r="J13" s="58"/>
      <c r="K13" s="57"/>
      <c r="L13" s="70"/>
      <c r="M13" s="77"/>
      <c r="N13" s="67"/>
      <c r="O13" s="67"/>
      <c r="P13" s="46"/>
      <c r="Q13" s="46"/>
      <c r="R13" s="46"/>
    </row>
    <row r="14" spans="1:24" s="38" customFormat="1" ht="14.25" customHeight="1" x14ac:dyDescent="0.25">
      <c r="A14" s="55"/>
      <c r="B14" s="56"/>
      <c r="C14" s="56"/>
      <c r="D14" s="55"/>
      <c r="E14" s="55"/>
      <c r="F14" s="55"/>
      <c r="G14" s="55"/>
      <c r="H14" s="55"/>
      <c r="I14" s="57"/>
      <c r="J14" s="58"/>
      <c r="K14" s="57"/>
      <c r="L14" s="70"/>
      <c r="M14" s="77"/>
      <c r="N14" s="67"/>
      <c r="O14" s="67"/>
      <c r="P14" s="46"/>
      <c r="Q14" s="46"/>
      <c r="R14" s="46"/>
    </row>
    <row r="15" spans="1:24" s="13" customFormat="1" ht="15.75" customHeight="1" x14ac:dyDescent="0.2">
      <c r="A15" s="55"/>
      <c r="B15" s="23"/>
      <c r="C15" s="10"/>
      <c r="D15" s="39"/>
      <c r="E15" s="39"/>
      <c r="G15" s="14"/>
      <c r="H15" s="14"/>
      <c r="I15" s="14"/>
      <c r="J15" s="14"/>
      <c r="K15" s="26"/>
      <c r="L15" s="26"/>
      <c r="M15" s="26"/>
      <c r="N15" s="26"/>
      <c r="O15" s="26"/>
    </row>
    <row r="16" spans="1:24" s="38" customFormat="1" ht="33" customHeight="1" x14ac:dyDescent="0.25">
      <c r="A16" s="55"/>
      <c r="B16" s="56"/>
      <c r="C16" s="56"/>
      <c r="D16" s="55"/>
      <c r="E16" s="55"/>
      <c r="F16" s="55"/>
      <c r="G16" s="55"/>
      <c r="H16" s="55"/>
      <c r="I16" s="55"/>
      <c r="J16" s="57"/>
      <c r="K16" s="58"/>
      <c r="L16" s="57"/>
      <c r="M16" s="57"/>
      <c r="N16" s="59"/>
      <c r="O16" s="46"/>
      <c r="P16" s="46"/>
      <c r="Q16" s="46"/>
      <c r="R16" s="46"/>
    </row>
    <row r="17" spans="1:15" s="18" customFormat="1" ht="20.100000000000001" customHeight="1" x14ac:dyDescent="0.2">
      <c r="A17" s="40" t="s">
        <v>39</v>
      </c>
      <c r="B17" s="40"/>
      <c r="C17" s="104"/>
      <c r="D17" s="104"/>
      <c r="E17" s="82"/>
      <c r="F17" s="25"/>
      <c r="G17" s="17"/>
      <c r="H17" s="17"/>
      <c r="I17" s="17"/>
      <c r="J17" s="17"/>
      <c r="K17" s="17"/>
      <c r="L17" s="26"/>
      <c r="M17" s="26"/>
      <c r="N17" s="26"/>
    </row>
    <row r="18" spans="1:15" s="18" customFormat="1" ht="20.100000000000001" customHeight="1" x14ac:dyDescent="0.2">
      <c r="A18" s="40" t="s">
        <v>40</v>
      </c>
      <c r="B18" s="40"/>
      <c r="C18" s="105"/>
      <c r="D18" s="105"/>
      <c r="E18" s="83"/>
      <c r="F18" s="20"/>
      <c r="G18" s="17"/>
      <c r="H18" s="17"/>
      <c r="I18" s="17"/>
      <c r="J18" s="17"/>
      <c r="K18" s="17"/>
      <c r="L18" s="21"/>
      <c r="M18" s="21"/>
      <c r="N18" s="22"/>
    </row>
    <row r="19" spans="1:15" s="18" customFormat="1" ht="20.100000000000001" customHeight="1" x14ac:dyDescent="0.2">
      <c r="A19" s="40" t="s">
        <v>3</v>
      </c>
      <c r="B19" s="40"/>
      <c r="C19" s="105"/>
      <c r="D19" s="105"/>
      <c r="E19" s="83"/>
      <c r="F19" s="20"/>
      <c r="G19" s="17"/>
      <c r="H19" s="17"/>
      <c r="I19" s="17"/>
      <c r="J19" s="17"/>
      <c r="K19" s="17"/>
      <c r="L19" s="21"/>
      <c r="M19" s="21"/>
      <c r="N19" s="22"/>
    </row>
    <row r="20" spans="1:15" s="18" customFormat="1" ht="20.100000000000001" customHeight="1" x14ac:dyDescent="0.25">
      <c r="A20" s="40"/>
      <c r="B20" s="40"/>
      <c r="C20" s="40"/>
      <c r="D20" s="19"/>
      <c r="E20" s="19"/>
      <c r="F20" s="20"/>
      <c r="G20" s="17"/>
      <c r="H20" s="17"/>
      <c r="I20" s="17"/>
      <c r="J20" s="17"/>
      <c r="K20" s="17"/>
      <c r="L20" s="21"/>
      <c r="M20" s="21"/>
      <c r="N20" s="22"/>
    </row>
    <row r="21" spans="1:15" s="18" customFormat="1" ht="20.100000000000001" customHeight="1" x14ac:dyDescent="0.2">
      <c r="A21" s="40" t="s">
        <v>4</v>
      </c>
      <c r="B21" s="40"/>
      <c r="C21" s="104"/>
      <c r="D21" s="104"/>
      <c r="E21" s="82"/>
      <c r="F21" s="20"/>
      <c r="G21" s="17"/>
      <c r="H21" s="17"/>
      <c r="I21" s="17"/>
      <c r="J21" s="17"/>
      <c r="K21" s="17"/>
      <c r="L21" s="21"/>
      <c r="M21" s="21"/>
      <c r="N21" s="22"/>
    </row>
    <row r="22" spans="1:15" s="18" customFormat="1" ht="20.100000000000001" customHeight="1" x14ac:dyDescent="0.2">
      <c r="A22" s="40" t="s">
        <v>5</v>
      </c>
      <c r="B22" s="40"/>
      <c r="C22" s="105"/>
      <c r="D22" s="105"/>
      <c r="E22" s="83"/>
      <c r="F22" s="20"/>
      <c r="G22" s="17"/>
      <c r="H22" s="27" t="s">
        <v>18</v>
      </c>
      <c r="I22" s="109"/>
      <c r="J22" s="109"/>
      <c r="K22" s="17"/>
      <c r="L22" s="21"/>
      <c r="M22" s="21"/>
      <c r="N22" s="22"/>
    </row>
    <row r="23" spans="1:15" s="18" customFormat="1" ht="20.100000000000001" customHeight="1" x14ac:dyDescent="0.2">
      <c r="A23" s="40" t="s">
        <v>6</v>
      </c>
      <c r="B23" s="40"/>
      <c r="C23" s="105"/>
      <c r="D23" s="105"/>
      <c r="E23" s="83"/>
      <c r="F23" s="20"/>
      <c r="G23" s="17"/>
      <c r="H23" s="28"/>
      <c r="I23" s="29"/>
      <c r="J23" s="29"/>
    </row>
    <row r="24" spans="1:15" s="18" customFormat="1" ht="20.100000000000001" customHeight="1" x14ac:dyDescent="0.25">
      <c r="A24" s="19"/>
      <c r="B24" s="19"/>
      <c r="C24" s="19"/>
      <c r="D24" s="20"/>
      <c r="E24" s="20"/>
      <c r="F24" s="20"/>
      <c r="G24" s="17"/>
      <c r="H24" s="30" t="s">
        <v>19</v>
      </c>
      <c r="I24" s="110"/>
      <c r="J24" s="110"/>
    </row>
    <row r="25" spans="1:15" s="18" customFormat="1" ht="20.100000000000001" customHeight="1" x14ac:dyDescent="0.25">
      <c r="A25" s="19"/>
      <c r="B25" s="19"/>
      <c r="C25" s="19"/>
      <c r="D25" s="20"/>
      <c r="E25" s="20"/>
      <c r="F25" s="20"/>
      <c r="G25" s="17"/>
      <c r="H25" s="30" t="s">
        <v>20</v>
      </c>
      <c r="I25" s="108"/>
      <c r="J25" s="108"/>
    </row>
    <row r="26" spans="1:15" s="13" customFormat="1" ht="20.100000000000001" customHeight="1" x14ac:dyDescent="0.2">
      <c r="A26" s="10" t="s">
        <v>2</v>
      </c>
      <c r="B26" s="105"/>
      <c r="C26" s="105"/>
      <c r="D26" s="11"/>
      <c r="E26" s="11"/>
      <c r="F26" s="11"/>
      <c r="G26" s="14"/>
      <c r="H26" s="31" t="s">
        <v>21</v>
      </c>
      <c r="I26" s="28"/>
      <c r="J26" s="32"/>
      <c r="O26" s="10"/>
    </row>
    <row r="27" spans="1:15" s="13" customFormat="1" ht="20.100000000000001" customHeight="1" x14ac:dyDescent="0.2">
      <c r="A27" s="10" t="s">
        <v>1</v>
      </c>
      <c r="B27" s="107"/>
      <c r="C27" s="107"/>
      <c r="D27" s="11"/>
      <c r="E27" s="11"/>
      <c r="F27" s="11"/>
      <c r="G27" s="14"/>
      <c r="H27" s="14"/>
      <c r="I27" s="14"/>
      <c r="J27" s="14"/>
      <c r="O27" s="10"/>
    </row>
    <row r="28" spans="1:15" s="13" customFormat="1" x14ac:dyDescent="0.2">
      <c r="A28" s="10"/>
      <c r="B28" s="10"/>
      <c r="C28" s="10"/>
      <c r="D28" s="11"/>
      <c r="E28" s="11"/>
      <c r="F28" s="11"/>
      <c r="G28" s="14"/>
      <c r="H28" s="14"/>
      <c r="I28" s="14"/>
      <c r="J28" s="14"/>
      <c r="K28" s="14"/>
      <c r="L28" s="12"/>
      <c r="M28" s="12"/>
      <c r="N28" s="10"/>
      <c r="O28" s="10"/>
    </row>
    <row r="29" spans="1:15" s="13" customFormat="1" ht="15" customHeight="1" x14ac:dyDescent="0.2">
      <c r="A29" s="10"/>
      <c r="B29" s="10"/>
      <c r="D29" s="11"/>
      <c r="E29" s="11"/>
      <c r="F29" s="11"/>
      <c r="G29" s="14"/>
      <c r="H29" s="14"/>
      <c r="I29" s="14"/>
      <c r="J29" s="14"/>
      <c r="K29" s="14"/>
      <c r="L29" s="12"/>
      <c r="M29" s="12"/>
      <c r="N29" s="10"/>
      <c r="O29" s="10"/>
    </row>
    <row r="30" spans="1:15" s="2" customFormat="1" x14ac:dyDescent="0.2">
      <c r="A30" s="106" t="s">
        <v>8</v>
      </c>
      <c r="B30" s="106"/>
      <c r="D30" s="3"/>
      <c r="E30" s="3"/>
      <c r="F30" s="3"/>
      <c r="G30" s="4"/>
      <c r="H30" s="4"/>
      <c r="I30" s="4"/>
      <c r="J30" s="4"/>
      <c r="K30" s="4"/>
      <c r="L30" s="15"/>
      <c r="M30" s="15"/>
    </row>
    <row r="31" spans="1:15" ht="14.25" x14ac:dyDescent="0.2">
      <c r="A31" s="33"/>
      <c r="B31" s="71" t="s">
        <v>9</v>
      </c>
    </row>
    <row r="32" spans="1:15" ht="6.75" customHeight="1" x14ac:dyDescent="0.2">
      <c r="A32" s="34"/>
      <c r="B32" s="35"/>
    </row>
  </sheetData>
  <mergeCells count="29">
    <mergeCell ref="A1:O1"/>
    <mergeCell ref="A3:N3"/>
    <mergeCell ref="A4:A5"/>
    <mergeCell ref="B4:B5"/>
    <mergeCell ref="N4:O4"/>
    <mergeCell ref="C4:C5"/>
    <mergeCell ref="D4:D5"/>
    <mergeCell ref="J4:M4"/>
    <mergeCell ref="F4:F5"/>
    <mergeCell ref="G4:G5"/>
    <mergeCell ref="H4:H5"/>
    <mergeCell ref="E4:E5"/>
    <mergeCell ref="A30:B30"/>
    <mergeCell ref="B26:C26"/>
    <mergeCell ref="B27:C27"/>
    <mergeCell ref="I25:J25"/>
    <mergeCell ref="I22:J22"/>
    <mergeCell ref="I24:J24"/>
    <mergeCell ref="C23:D23"/>
    <mergeCell ref="C21:D21"/>
    <mergeCell ref="C22:D22"/>
    <mergeCell ref="C19:D19"/>
    <mergeCell ref="C17:D17"/>
    <mergeCell ref="C18:D18"/>
    <mergeCell ref="A9:E9"/>
    <mergeCell ref="B11:E11"/>
    <mergeCell ref="B12:E12"/>
    <mergeCell ref="B13:E13"/>
    <mergeCell ref="B10:E10"/>
  </mergeCells>
  <conditionalFormatting sqref="B26:C26 F7:K7">
    <cfRule type="containsBlanks" dxfId="7" priority="25">
      <formula>LEN(TRIM(B7))=0</formula>
    </cfRule>
  </conditionalFormatting>
  <conditionalFormatting sqref="B27:C27">
    <cfRule type="containsBlanks" dxfId="6" priority="24">
      <formula>LEN(TRIM(B27))=0</formula>
    </cfRule>
  </conditionalFormatting>
  <conditionalFormatting sqref="I24:J24">
    <cfRule type="containsBlanks" dxfId="5" priority="11">
      <formula>LEN(TRIM(I24))=0</formula>
    </cfRule>
  </conditionalFormatting>
  <conditionalFormatting sqref="I25:J25">
    <cfRule type="containsBlanks" dxfId="4" priority="10">
      <formula>LEN(TRIM(I25))=0</formula>
    </cfRule>
  </conditionalFormatting>
  <conditionalFormatting sqref="C17:D19">
    <cfRule type="containsBlanks" dxfId="3" priority="6">
      <formula>LEN(TRIM(C17))=0</formula>
    </cfRule>
  </conditionalFormatting>
  <conditionalFormatting sqref="C21:D23">
    <cfRule type="containsBlanks" dxfId="2" priority="5">
      <formula>LEN(TRIM(C21))=0</formula>
    </cfRule>
  </conditionalFormatting>
  <conditionalFormatting sqref="E7">
    <cfRule type="containsBlanks" dxfId="1" priority="2">
      <formula>LEN(TRIM(E7))=0</formula>
    </cfRule>
  </conditionalFormatting>
  <conditionalFormatting sqref="F10:F13">
    <cfRule type="containsBlanks" dxfId="0" priority="1">
      <formula>LEN(TRIM(F10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64" fitToWidth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4-19T09:37:35Z</cp:lastPrinted>
  <dcterms:created xsi:type="dcterms:W3CDTF">2016-07-20T08:41:08Z</dcterms:created>
  <dcterms:modified xsi:type="dcterms:W3CDTF">2025-07-21T13:14:49Z</dcterms:modified>
</cp:coreProperties>
</file>